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7029"/>
  <workbookPr defaultThemeVersion="124226"/>
  <mc:AlternateContent xmlns:mc="http://schemas.openxmlformats.org/markup-compatibility/2006">
    <mc:Choice Requires="x15">
      <x15ac:absPath xmlns:x15ac="http://schemas.microsoft.com/office/spreadsheetml/2010/11/ac" url="D:\userdata\s7012\デスクトップ\ホームページ\自衛消防\"/>
    </mc:Choice>
  </mc:AlternateContent>
  <xr:revisionPtr revIDLastSave="0" documentId="13_ncr:1_{99DCB005-5CFD-44BA-8861-94FC72977FE1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講習案内対象物" sheetId="1" r:id="rId1"/>
  </sheets>
  <definedNames>
    <definedName name="_xlnm.Print_Titles" localSheetId="0">講習案内対象物!$1:$2</definedName>
  </definedNames>
  <calcPr calcId="162913"/>
</workbook>
</file>

<file path=xl/sharedStrings.xml><?xml version="1.0" encoding="utf-8"?>
<sst xmlns="http://schemas.openxmlformats.org/spreadsheetml/2006/main" count="38" uniqueCount="38">
  <si>
    <t>ヨンデンビル</t>
  </si>
  <si>
    <t>ドコモ四国ビル</t>
  </si>
  <si>
    <t>高松興銀ビル</t>
  </si>
  <si>
    <t>高松市役所</t>
  </si>
  <si>
    <t>サンポート合同庁舎</t>
  </si>
  <si>
    <t>百十四ビル</t>
  </si>
  <si>
    <t>コトデン瓦町ビル</t>
  </si>
  <si>
    <t>高松シンボルタワー</t>
  </si>
  <si>
    <t>高松赤十字病院</t>
  </si>
  <si>
    <t>学校法人四国高松学園高松大学</t>
  </si>
  <si>
    <t>ニッセイ高松ビル</t>
  </si>
  <si>
    <t>対象物名称</t>
    <rPh sb="0" eb="3">
      <t>タイショウブツ</t>
    </rPh>
    <rPh sb="3" eb="5">
      <t>メイショウ</t>
    </rPh>
    <phoneticPr fontId="1"/>
  </si>
  <si>
    <t>学校法人香川県明善学園</t>
    <rPh sb="0" eb="2">
      <t>ガッコウ</t>
    </rPh>
    <rPh sb="2" eb="4">
      <t>ホウジン</t>
    </rPh>
    <rPh sb="4" eb="7">
      <t>カガワケン</t>
    </rPh>
    <phoneticPr fontId="1"/>
  </si>
  <si>
    <t>JRホテルクレメント高松</t>
    <rPh sb="10" eb="12">
      <t>タカマツ</t>
    </rPh>
    <phoneticPr fontId="1"/>
  </si>
  <si>
    <t>香川県立中央病院</t>
    <rPh sb="0" eb="2">
      <t>カガワ</t>
    </rPh>
    <phoneticPr fontId="1"/>
  </si>
  <si>
    <t>国立大学法人香川大学教育学部</t>
    <rPh sb="0" eb="2">
      <t>コクリツ</t>
    </rPh>
    <rPh sb="2" eb="4">
      <t>ダイガク</t>
    </rPh>
    <rPh sb="4" eb="6">
      <t>ホウジン</t>
    </rPh>
    <phoneticPr fontId="1"/>
  </si>
  <si>
    <t>香川県立高松工芸高等学校</t>
    <rPh sb="0" eb="4">
      <t>カガワケンリツ</t>
    </rPh>
    <phoneticPr fontId="1"/>
  </si>
  <si>
    <t>香川県県庁舎</t>
    <rPh sb="2" eb="3">
      <t>ケン</t>
    </rPh>
    <rPh sb="5" eb="6">
      <t>シャ</t>
    </rPh>
    <phoneticPr fontId="1"/>
  </si>
  <si>
    <t>ラウンドワンスタジアム高松店</t>
    <rPh sb="11" eb="14">
      <t>タカマツテン</t>
    </rPh>
    <phoneticPr fontId="1"/>
  </si>
  <si>
    <t>国立大学法人香川大学農学部</t>
    <rPh sb="0" eb="2">
      <t>コクリツ</t>
    </rPh>
    <rPh sb="2" eb="4">
      <t>ダイガク</t>
    </rPh>
    <rPh sb="4" eb="6">
      <t>ホウジン</t>
    </rPh>
    <rPh sb="6" eb="8">
      <t>カガワ</t>
    </rPh>
    <rPh sb="8" eb="10">
      <t>ダイガク</t>
    </rPh>
    <rPh sb="10" eb="13">
      <t>ノウガクブ</t>
    </rPh>
    <phoneticPr fontId="1"/>
  </si>
  <si>
    <t>高松市南部クリーンセンター</t>
  </si>
  <si>
    <t>高松市立みんなの病院</t>
    <rPh sb="3" eb="4">
      <t>リツ</t>
    </rPh>
    <phoneticPr fontId="1"/>
  </si>
  <si>
    <t>NTT西日本香川支店</t>
    <rPh sb="3" eb="4">
      <t>ニシ</t>
    </rPh>
    <rPh sb="4" eb="6">
      <t>ニホン</t>
    </rPh>
    <rPh sb="8" eb="10">
      <t>シテン</t>
    </rPh>
    <phoneticPr fontId="1"/>
  </si>
  <si>
    <t>イオン高松店</t>
    <rPh sb="3" eb="5">
      <t>タカマツ</t>
    </rPh>
    <rPh sb="5" eb="6">
      <t>テン</t>
    </rPh>
    <phoneticPr fontId="1"/>
  </si>
  <si>
    <t>イオン綾川店</t>
    <rPh sb="3" eb="5">
      <t>アヤガワ</t>
    </rPh>
    <rPh sb="5" eb="6">
      <t>テン</t>
    </rPh>
    <phoneticPr fontId="1"/>
  </si>
  <si>
    <t>イオン高松東店</t>
    <phoneticPr fontId="1"/>
  </si>
  <si>
    <t>高松センタービル</t>
    <phoneticPr fontId="1"/>
  </si>
  <si>
    <t>nikko高松</t>
    <rPh sb="5" eb="7">
      <t>タカマツ</t>
    </rPh>
    <phoneticPr fontId="1"/>
  </si>
  <si>
    <t>国立大学法人香川大学創造工学部</t>
    <rPh sb="0" eb="2">
      <t>コクリツ</t>
    </rPh>
    <rPh sb="2" eb="4">
      <t>ダイガク</t>
    </rPh>
    <rPh sb="4" eb="6">
      <t>ホウジン</t>
    </rPh>
    <rPh sb="10" eb="12">
      <t>ソウゾウ</t>
    </rPh>
    <phoneticPr fontId="1"/>
  </si>
  <si>
    <t>国立大学法人香川大学医学部</t>
    <rPh sb="0" eb="2">
      <t>コクリツ</t>
    </rPh>
    <rPh sb="2" eb="4">
      <t>ダイガク</t>
    </rPh>
    <rPh sb="4" eb="6">
      <t>ホウジン</t>
    </rPh>
    <rPh sb="6" eb="8">
      <t>カガワ</t>
    </rPh>
    <rPh sb="8" eb="10">
      <t>ダイガク</t>
    </rPh>
    <rPh sb="10" eb="12">
      <t>イガク</t>
    </rPh>
    <rPh sb="12" eb="13">
      <t>ブ</t>
    </rPh>
    <phoneticPr fontId="1"/>
  </si>
  <si>
    <t>イズミゆめタウン高松</t>
    <phoneticPr fontId="1"/>
  </si>
  <si>
    <t>ホテル川六</t>
    <rPh sb="3" eb="4">
      <t>カワ</t>
    </rPh>
    <rPh sb="4" eb="5">
      <t>ロク</t>
    </rPh>
    <phoneticPr fontId="1"/>
  </si>
  <si>
    <t>香川高等専門学校高松キャンパス</t>
    <rPh sb="0" eb="2">
      <t>カガワ</t>
    </rPh>
    <rPh sb="8" eb="10">
      <t>タカマツ</t>
    </rPh>
    <phoneticPr fontId="1"/>
  </si>
  <si>
    <t>WeBase高松</t>
    <rPh sb="6" eb="8">
      <t>タカマツ</t>
    </rPh>
    <phoneticPr fontId="1"/>
  </si>
  <si>
    <t>ＮＫビル（住友生命）</t>
    <phoneticPr fontId="1"/>
  </si>
  <si>
    <t>高松三越</t>
    <phoneticPr fontId="1"/>
  </si>
  <si>
    <t>丸亀町グリーン（東館）</t>
    <rPh sb="8" eb="9">
      <t>ヒガシ</t>
    </rPh>
    <rPh sb="9" eb="10">
      <t>カン</t>
    </rPh>
    <phoneticPr fontId="1"/>
  </si>
  <si>
    <t>レクザムホール（香川県県民ホール）</t>
    <rPh sb="8" eb="11">
      <t>カガワケ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4"/>
      <color rgb="FF000000"/>
      <name val="ＭＳ 明朝"/>
      <family val="1"/>
      <charset val="128"/>
    </font>
    <font>
      <sz val="9"/>
      <color rgb="FF000000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b/>
      <sz val="10.5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auto="1"/>
      </bottom>
      <diagonal/>
    </border>
    <border>
      <left style="medium">
        <color indexed="64"/>
      </left>
      <right style="medium">
        <color indexed="64"/>
      </right>
      <top style="double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9" fontId="7" fillId="0" borderId="0" applyFont="0" applyFill="0" applyBorder="0" applyAlignment="0" applyProtection="0">
      <alignment vertical="center"/>
    </xf>
  </cellStyleXfs>
  <cellXfs count="14">
    <xf numFmtId="0" fontId="0" fillId="0" borderId="0" xfId="0">
      <alignment vertical="center"/>
    </xf>
    <xf numFmtId="49" fontId="3" fillId="0" borderId="0" xfId="0" applyNumberFormat="1" applyFont="1">
      <alignment vertical="center"/>
    </xf>
    <xf numFmtId="49" fontId="4" fillId="0" borderId="0" xfId="0" applyNumberFormat="1" applyFont="1">
      <alignment vertical="center"/>
    </xf>
    <xf numFmtId="49" fontId="5" fillId="0" borderId="0" xfId="0" applyNumberFormat="1" applyFont="1">
      <alignment vertical="center"/>
    </xf>
    <xf numFmtId="49" fontId="6" fillId="0" borderId="0" xfId="0" applyNumberFormat="1" applyFont="1">
      <alignment vertical="center"/>
    </xf>
    <xf numFmtId="49" fontId="3" fillId="0" borderId="0" xfId="1" applyNumberFormat="1" applyFont="1">
      <alignment vertical="center"/>
    </xf>
    <xf numFmtId="49" fontId="3" fillId="0" borderId="0" xfId="0" applyNumberFormat="1" applyFont="1" applyAlignment="1">
      <alignment horizontal="center" vertical="center" shrinkToFit="1"/>
    </xf>
    <xf numFmtId="49" fontId="3" fillId="0" borderId="0" xfId="1" applyNumberFormat="1" applyFont="1" applyAlignment="1">
      <alignment horizontal="center" vertical="center"/>
    </xf>
    <xf numFmtId="49" fontId="3" fillId="0" borderId="0" xfId="1" applyNumberFormat="1" applyFont="1" applyAlignment="1">
      <alignment horizontal="center" vertical="center" shrinkToFit="1"/>
    </xf>
    <xf numFmtId="49" fontId="2" fillId="0" borderId="0" xfId="0" applyNumberFormat="1" applyFont="1" applyBorder="1" applyAlignment="1">
      <alignment horizontal="center" vertical="center" shrinkToFit="1"/>
    </xf>
    <xf numFmtId="49" fontId="3" fillId="0" borderId="2" xfId="0" applyNumberFormat="1" applyFont="1" applyBorder="1" applyAlignment="1">
      <alignment horizontal="center" vertical="center" shrinkToFit="1"/>
    </xf>
    <xf numFmtId="49" fontId="3" fillId="0" borderId="3" xfId="0" applyNumberFormat="1" applyFont="1" applyBorder="1" applyAlignment="1">
      <alignment horizontal="center" vertical="center" shrinkToFit="1"/>
    </xf>
    <xf numFmtId="49" fontId="3" fillId="0" borderId="4" xfId="1" applyNumberFormat="1" applyFont="1" applyBorder="1" applyAlignment="1">
      <alignment horizontal="center" vertical="center"/>
    </xf>
    <xf numFmtId="49" fontId="8" fillId="0" borderId="1" xfId="0" applyNumberFormat="1" applyFont="1" applyBorder="1" applyAlignment="1">
      <alignment horizontal="center" vertical="center" shrinkToFit="1"/>
    </xf>
  </cellXfs>
  <cellStyles count="2">
    <cellStyle name="パーセント" xfId="1" builtinId="5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D42"/>
  <sheetViews>
    <sheetView tabSelected="1" workbookViewId="0">
      <selection activeCell="B6" sqref="B6:B7"/>
    </sheetView>
  </sheetViews>
  <sheetFormatPr defaultColWidth="9" defaultRowHeight="30.6" customHeight="1" x14ac:dyDescent="0.2"/>
  <cols>
    <col min="1" max="1" width="4.5546875" style="1" customWidth="1"/>
    <col min="2" max="2" width="65.77734375" style="6" customWidth="1"/>
    <col min="3" max="16384" width="9" style="1"/>
  </cols>
  <sheetData>
    <row r="1" spans="2:4" ht="30.6" customHeight="1" thickBot="1" x14ac:dyDescent="0.25">
      <c r="B1" s="9"/>
    </row>
    <row r="2" spans="2:4" ht="30.6" customHeight="1" thickBot="1" x14ac:dyDescent="0.25">
      <c r="B2" s="13" t="s">
        <v>11</v>
      </c>
    </row>
    <row r="3" spans="2:4" ht="30.6" customHeight="1" thickTop="1" x14ac:dyDescent="0.2">
      <c r="B3" s="10" t="s">
        <v>37</v>
      </c>
    </row>
    <row r="4" spans="2:4" ht="30.6" customHeight="1" x14ac:dyDescent="0.2">
      <c r="B4" s="11" t="s">
        <v>35</v>
      </c>
    </row>
    <row r="5" spans="2:4" ht="30.6" customHeight="1" x14ac:dyDescent="0.2">
      <c r="B5" s="11" t="s">
        <v>0</v>
      </c>
      <c r="D5" s="2"/>
    </row>
    <row r="6" spans="2:4" ht="30.6" customHeight="1" x14ac:dyDescent="0.2">
      <c r="B6" s="11" t="s">
        <v>18</v>
      </c>
      <c r="D6" s="3"/>
    </row>
    <row r="7" spans="2:4" ht="30.6" customHeight="1" x14ac:dyDescent="0.2">
      <c r="B7" s="11" t="s">
        <v>25</v>
      </c>
    </row>
    <row r="8" spans="2:4" ht="30.6" customHeight="1" x14ac:dyDescent="0.2">
      <c r="B8" s="11" t="s">
        <v>26</v>
      </c>
    </row>
    <row r="9" spans="2:4" ht="30.6" customHeight="1" x14ac:dyDescent="0.2">
      <c r="B9" s="11" t="s">
        <v>13</v>
      </c>
    </row>
    <row r="10" spans="2:4" ht="30.6" customHeight="1" x14ac:dyDescent="0.2">
      <c r="B10" s="11" t="s">
        <v>14</v>
      </c>
    </row>
    <row r="11" spans="2:4" ht="30.6" customHeight="1" x14ac:dyDescent="0.2">
      <c r="B11" s="11" t="s">
        <v>21</v>
      </c>
    </row>
    <row r="12" spans="2:4" ht="30.6" customHeight="1" x14ac:dyDescent="0.2">
      <c r="B12" s="11" t="s">
        <v>1</v>
      </c>
    </row>
    <row r="13" spans="2:4" ht="30.6" customHeight="1" x14ac:dyDescent="0.2">
      <c r="B13" s="11" t="s">
        <v>2</v>
      </c>
    </row>
    <row r="14" spans="2:4" ht="30.6" customHeight="1" x14ac:dyDescent="0.2">
      <c r="B14" s="11" t="s">
        <v>3</v>
      </c>
    </row>
    <row r="15" spans="2:4" ht="30.6" customHeight="1" x14ac:dyDescent="0.2">
      <c r="B15" s="11" t="s">
        <v>4</v>
      </c>
    </row>
    <row r="16" spans="2:4" ht="30.6" customHeight="1" x14ac:dyDescent="0.2">
      <c r="B16" s="11" t="s">
        <v>5</v>
      </c>
    </row>
    <row r="17" spans="2:3" ht="30.6" customHeight="1" x14ac:dyDescent="0.2">
      <c r="B17" s="11" t="s">
        <v>34</v>
      </c>
    </row>
    <row r="18" spans="2:3" ht="30.6" customHeight="1" x14ac:dyDescent="0.2">
      <c r="B18" s="11" t="s">
        <v>33</v>
      </c>
    </row>
    <row r="19" spans="2:3" ht="30.6" customHeight="1" x14ac:dyDescent="0.2">
      <c r="B19" s="11" t="s">
        <v>6</v>
      </c>
      <c r="C19" s="4"/>
    </row>
    <row r="20" spans="2:3" ht="30.6" customHeight="1" x14ac:dyDescent="0.2">
      <c r="B20" s="11" t="s">
        <v>7</v>
      </c>
    </row>
    <row r="21" spans="2:3" ht="30.6" customHeight="1" x14ac:dyDescent="0.2">
      <c r="B21" s="11" t="s">
        <v>17</v>
      </c>
    </row>
    <row r="22" spans="2:3" ht="30.6" customHeight="1" x14ac:dyDescent="0.2">
      <c r="B22" s="11" t="s">
        <v>8</v>
      </c>
    </row>
    <row r="23" spans="2:3" ht="30.6" customHeight="1" x14ac:dyDescent="0.2">
      <c r="B23" s="11" t="s">
        <v>12</v>
      </c>
    </row>
    <row r="24" spans="2:3" ht="30.6" customHeight="1" x14ac:dyDescent="0.2">
      <c r="B24" s="11" t="s">
        <v>16</v>
      </c>
    </row>
    <row r="25" spans="2:3" ht="30.6" customHeight="1" x14ac:dyDescent="0.2">
      <c r="B25" s="11" t="s">
        <v>15</v>
      </c>
    </row>
    <row r="26" spans="2:3" ht="30.6" customHeight="1" x14ac:dyDescent="0.2">
      <c r="B26" s="11" t="s">
        <v>22</v>
      </c>
    </row>
    <row r="27" spans="2:3" ht="30.6" customHeight="1" x14ac:dyDescent="0.2">
      <c r="B27" s="11" t="s">
        <v>36</v>
      </c>
    </row>
    <row r="28" spans="2:3" ht="30.6" customHeight="1" x14ac:dyDescent="0.2">
      <c r="B28" s="11" t="s">
        <v>10</v>
      </c>
    </row>
    <row r="29" spans="2:3" ht="30.6" customHeight="1" x14ac:dyDescent="0.2">
      <c r="B29" s="11" t="s">
        <v>9</v>
      </c>
    </row>
    <row r="30" spans="2:3" ht="30.6" customHeight="1" x14ac:dyDescent="0.2">
      <c r="B30" s="11" t="s">
        <v>28</v>
      </c>
    </row>
    <row r="31" spans="2:3" ht="30.6" customHeight="1" x14ac:dyDescent="0.2">
      <c r="B31" s="11" t="s">
        <v>30</v>
      </c>
    </row>
    <row r="32" spans="2:3" ht="30.6" customHeight="1" x14ac:dyDescent="0.2">
      <c r="B32" s="11" t="s">
        <v>32</v>
      </c>
    </row>
    <row r="33" spans="2:2" ht="30.6" customHeight="1" x14ac:dyDescent="0.2">
      <c r="B33" s="11" t="s">
        <v>23</v>
      </c>
    </row>
    <row r="34" spans="2:2" ht="30.6" customHeight="1" x14ac:dyDescent="0.2">
      <c r="B34" s="11" t="s">
        <v>20</v>
      </c>
    </row>
    <row r="35" spans="2:2" ht="30.6" customHeight="1" x14ac:dyDescent="0.2">
      <c r="B35" s="11" t="s">
        <v>24</v>
      </c>
    </row>
    <row r="36" spans="2:2" ht="30.6" customHeight="1" x14ac:dyDescent="0.2">
      <c r="B36" s="11" t="s">
        <v>19</v>
      </c>
    </row>
    <row r="37" spans="2:2" ht="30.6" customHeight="1" x14ac:dyDescent="0.2">
      <c r="B37" s="11" t="s">
        <v>29</v>
      </c>
    </row>
    <row r="38" spans="2:2" ht="30.6" customHeight="1" x14ac:dyDescent="0.2">
      <c r="B38" s="11" t="s">
        <v>31</v>
      </c>
    </row>
    <row r="39" spans="2:2" ht="30.6" customHeight="1" thickBot="1" x14ac:dyDescent="0.25">
      <c r="B39" s="12" t="s">
        <v>27</v>
      </c>
    </row>
    <row r="40" spans="2:2" s="5" customFormat="1" ht="30.6" customHeight="1" x14ac:dyDescent="0.2">
      <c r="B40" s="7"/>
    </row>
    <row r="42" spans="2:2" ht="30.6" customHeight="1" x14ac:dyDescent="0.2">
      <c r="B42" s="8"/>
    </row>
  </sheetData>
  <phoneticPr fontId="1"/>
  <pageMargins left="0.23622047244094491" right="0.23622047244094491" top="0.74803149606299213" bottom="0.74803149606299213" header="0.31496062992125984" footer="0.31496062992125984"/>
  <pageSetup paperSize="9" scale="96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講習案内対象物</vt:lpstr>
      <vt:lpstr>講習案内対象物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user</dc:creator>
  <cp:lastModifiedBy>坂本 周亮</cp:lastModifiedBy>
  <cp:lastPrinted>2021-02-25T06:35:47Z</cp:lastPrinted>
  <dcterms:created xsi:type="dcterms:W3CDTF">2013-06-12T06:41:32Z</dcterms:created>
  <dcterms:modified xsi:type="dcterms:W3CDTF">2024-01-24T23:55:13Z</dcterms:modified>
</cp:coreProperties>
</file>